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8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9-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9-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ontfer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5" name="Afbeelding 4" descr="Afbeelding met tekst, Lettertype, schermopname, logo&#10;&#10;Automatisch gegenereerde beschrijving">
            <a:extLst>
              <a:ext uri="{FF2B5EF4-FFF2-40B4-BE49-F238E27FC236}">
                <a16:creationId xmlns:a16="http://schemas.microsoft.com/office/drawing/2014/main" id="{CE71B6BA-CFF6-EAB6-9B0B-8BAE7344B1D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903312"/>
            <a:ext cx="2417290" cy="173561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A89D12A9-61AF-E2C5-AD03-4D999E11EC5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4724" y="4080100"/>
            <a:ext cx="1680049" cy="120627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1-29T15:23:00Z</dcterms:modified>
</cp:coreProperties>
</file>